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1-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1-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orn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embleem, symbool&#10;&#10;Automatisch gegenereerde beschrijving">
            <a:extLst>
              <a:ext uri="{FF2B5EF4-FFF2-40B4-BE49-F238E27FC236}">
                <a16:creationId xmlns:a16="http://schemas.microsoft.com/office/drawing/2014/main" id="{B9B376C7-06A3-7919-969D-55EE33E6A7D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526" y="4560411"/>
            <a:ext cx="2186524"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embleem, symbool&#10;&#10;Automatisch gegenereerde beschrijving">
            <a:extLst>
              <a:ext uri="{FF2B5EF4-FFF2-40B4-BE49-F238E27FC236}">
                <a16:creationId xmlns:a16="http://schemas.microsoft.com/office/drawing/2014/main" id="{1A22061D-BBC1-1274-CBA7-2D7511E624E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5902" y="3846977"/>
            <a:ext cx="1518373" cy="146067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31T14:16:23Z</dcterms:modified>
</cp:coreProperties>
</file>